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34　殺菌乾燥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1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３４</t>
  </si>
  <si>
    <t>　　殺菌乾燥</t>
  </si>
  <si>
    <t>寝具類</t>
  </si>
  <si>
    <t>掛け布団（宿泊施設用）</t>
  </si>
  <si>
    <t>枚</t>
  </si>
  <si>
    <t>敷布団（宿泊施設用）</t>
  </si>
  <si>
    <t>毛布（宿泊施設用）</t>
  </si>
  <si>
    <t>枕（宿泊施設用）</t>
  </si>
  <si>
    <t>個</t>
  </si>
  <si>
    <t>ベッドマット（宿泊施設用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1042</v>
      </c>
      <c r="G9" s="28"/>
      <c r="H9" s="29"/>
    </row>
    <row r="10" spans="1:8" ht="24.95" customHeight="1" x14ac:dyDescent="0.15">
      <c r="A10" s="22">
        <v>1</v>
      </c>
      <c r="B10" s="30" t="s">
        <v>23</v>
      </c>
      <c r="C10" s="31">
        <v>2</v>
      </c>
      <c r="D10" s="32" t="s">
        <v>26</v>
      </c>
      <c r="E10" s="33" t="s">
        <v>25</v>
      </c>
      <c r="F10" s="27">
        <v>1000</v>
      </c>
      <c r="G10" s="33"/>
      <c r="H10" s="29"/>
    </row>
    <row r="11" spans="1:8" ht="24.95" customHeight="1" x14ac:dyDescent="0.15">
      <c r="A11" s="22">
        <v>1</v>
      </c>
      <c r="B11" s="30" t="s">
        <v>23</v>
      </c>
      <c r="C11" s="31">
        <v>3</v>
      </c>
      <c r="D11" s="32" t="s">
        <v>27</v>
      </c>
      <c r="E11" s="33" t="s">
        <v>25</v>
      </c>
      <c r="F11" s="27">
        <v>522</v>
      </c>
      <c r="G11" s="33"/>
      <c r="H11" s="29"/>
    </row>
    <row r="12" spans="1:8" ht="24.95" customHeight="1" x14ac:dyDescent="0.15">
      <c r="A12" s="22">
        <v>1</v>
      </c>
      <c r="B12" s="30" t="s">
        <v>23</v>
      </c>
      <c r="C12" s="31">
        <v>4</v>
      </c>
      <c r="D12" s="32" t="s">
        <v>28</v>
      </c>
      <c r="E12" s="33" t="s">
        <v>29</v>
      </c>
      <c r="F12" s="27">
        <v>1025</v>
      </c>
      <c r="G12" s="33"/>
      <c r="H12" s="29"/>
    </row>
    <row r="13" spans="1:8" ht="24.95" customHeight="1" x14ac:dyDescent="0.15">
      <c r="A13" s="34">
        <v>1</v>
      </c>
      <c r="B13" s="35" t="s">
        <v>23</v>
      </c>
      <c r="C13" s="36">
        <v>5</v>
      </c>
      <c r="D13" s="37" t="s">
        <v>30</v>
      </c>
      <c r="E13" s="38" t="s">
        <v>25</v>
      </c>
      <c r="F13" s="39">
        <v>304</v>
      </c>
      <c r="G13" s="40"/>
      <c r="H13" s="41"/>
    </row>
    <row r="14" spans="1:8" ht="24.95" customHeight="1" x14ac:dyDescent="0.15">
      <c r="A14" s="22"/>
      <c r="B14" s="42"/>
      <c r="C14" s="43"/>
      <c r="D14" s="44"/>
      <c r="E14" s="28"/>
      <c r="F14" s="45"/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45:21Z</dcterms:created>
  <dcterms:modified xsi:type="dcterms:W3CDTF">2021-02-18T08:09:41Z</dcterms:modified>
</cp:coreProperties>
</file>